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38【岩田】\"/>
    </mc:Choice>
  </mc:AlternateContent>
  <xr:revisionPtr revIDLastSave="0" documentId="8_{DA0F853E-0A92-4D17-94F4-19E77A1DD22E}" xr6:coauthVersionLast="47" xr6:coauthVersionMax="47" xr10:uidLastSave="{00000000-0000-0000-0000-000000000000}"/>
  <bookViews>
    <workbookView xWindow="2340" yWindow="795" windowWidth="19680" windowHeight="15405" xr2:uid="{FE7CEED4-FAF3-44B8-814D-7E2D3EE2662D}"/>
  </bookViews>
  <sheets>
    <sheet name="238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8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52" uniqueCount="36">
  <si>
    <t>名称№２３８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腰掛布団改修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客室腰掛布団</t>
  </si>
  <si>
    <t>一般席・5人掛用（8000形車両）</t>
    <phoneticPr fontId="3"/>
  </si>
  <si>
    <t>本</t>
  </si>
  <si>
    <t>一般席・4人掛用（8000形車両）</t>
  </si>
  <si>
    <t>専用席・4人掛用（8000形車両）</t>
  </si>
  <si>
    <t>客室腰掛布団</t>
    <phoneticPr fontId="3"/>
  </si>
  <si>
    <t>モケット張替（5000形車両）</t>
  </si>
  <si>
    <t>詰物含むモケット張替（5000形車両）</t>
  </si>
  <si>
    <t>運転手腰掛背ズリ布団</t>
  </si>
  <si>
    <t>一般席・3人掛用（9000形車両）</t>
    <phoneticPr fontId="3"/>
  </si>
  <si>
    <t>一般席・4人掛用（9000形車両）</t>
    <phoneticPr fontId="3"/>
  </si>
  <si>
    <t>専用席・4人掛用（9000形車両）</t>
    <rPh sb="0" eb="2">
      <t>センヨ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3FFFD797-5ECE-4F2A-9A98-536183B4195E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3721;&#30000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8/&#9314;&#19968;&#33324;&#31478;&#20105;&#20837;&#26413;/3.&#21578;&#31034;&#36215;&#26696;&#65288;&#26989;&#21209;&#22996;&#35351;&#12288;&#65298;&#38917;&#30446;&#20197;&#19978;&#65289;/&#23721;&#30000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D80531-5F4B-4778-8888-FAE25A760450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F17" sqref="F17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56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76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24</v>
      </c>
      <c r="G11" s="38"/>
      <c r="H11" s="33"/>
    </row>
    <row r="12" spans="1:10" ht="24.95" customHeight="1" x14ac:dyDescent="0.15">
      <c r="A12" s="26">
        <v>1</v>
      </c>
      <c r="B12" s="34" t="s">
        <v>17</v>
      </c>
      <c r="C12" s="35">
        <v>4</v>
      </c>
      <c r="D12" s="36" t="s">
        <v>18</v>
      </c>
      <c r="E12" s="37" t="s">
        <v>14</v>
      </c>
      <c r="F12" s="31">
        <v>5</v>
      </c>
      <c r="G12" s="38"/>
      <c r="H12" s="33"/>
    </row>
    <row r="13" spans="1:10" ht="24.95" customHeight="1" x14ac:dyDescent="0.15">
      <c r="A13" s="39">
        <v>1</v>
      </c>
      <c r="B13" s="40" t="s">
        <v>12</v>
      </c>
      <c r="C13" s="39">
        <v>5</v>
      </c>
      <c r="D13" s="41" t="s">
        <v>19</v>
      </c>
      <c r="E13" s="42" t="s">
        <v>14</v>
      </c>
      <c r="F13" s="43">
        <v>200</v>
      </c>
      <c r="G13" s="44"/>
      <c r="H13" s="45"/>
    </row>
    <row r="14" spans="1:10" ht="24.95" customHeight="1" x14ac:dyDescent="0.15">
      <c r="A14" s="26">
        <v>2</v>
      </c>
      <c r="B14" s="46" t="s">
        <v>20</v>
      </c>
      <c r="C14" s="26">
        <v>1</v>
      </c>
      <c r="D14" s="47" t="s">
        <v>19</v>
      </c>
      <c r="E14" s="48" t="s">
        <v>14</v>
      </c>
      <c r="F14" s="49">
        <v>5</v>
      </c>
      <c r="G14" s="50"/>
      <c r="H14" s="51"/>
    </row>
    <row r="15" spans="1:10" ht="24.95" customHeight="1" x14ac:dyDescent="0.15">
      <c r="A15" s="26">
        <v>3</v>
      </c>
      <c r="B15" s="34" t="s">
        <v>17</v>
      </c>
      <c r="C15" s="35">
        <v>1</v>
      </c>
      <c r="D15" s="36" t="s">
        <v>21</v>
      </c>
      <c r="E15" s="37" t="s">
        <v>14</v>
      </c>
      <c r="F15" s="31">
        <v>48</v>
      </c>
      <c r="G15" s="52"/>
      <c r="H15" s="33"/>
    </row>
    <row r="16" spans="1:10" ht="24.95" customHeight="1" x14ac:dyDescent="0.15">
      <c r="A16" s="26">
        <v>3</v>
      </c>
      <c r="B16" s="34" t="s">
        <v>17</v>
      </c>
      <c r="C16" s="35">
        <v>2</v>
      </c>
      <c r="D16" s="36" t="s">
        <v>22</v>
      </c>
      <c r="E16" s="37" t="s">
        <v>14</v>
      </c>
      <c r="F16" s="31">
        <v>2</v>
      </c>
      <c r="G16" s="38"/>
      <c r="H16" s="33"/>
    </row>
    <row r="17" spans="1:8" ht="24.95" customHeight="1" x14ac:dyDescent="0.15">
      <c r="A17" s="26">
        <v>3</v>
      </c>
      <c r="B17" s="34" t="s">
        <v>17</v>
      </c>
      <c r="C17" s="35">
        <v>3</v>
      </c>
      <c r="D17" s="36" t="s">
        <v>23</v>
      </c>
      <c r="E17" s="37" t="s">
        <v>14</v>
      </c>
      <c r="F17" s="31">
        <v>6</v>
      </c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24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5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6</v>
      </c>
      <c r="H42" s="65"/>
    </row>
    <row r="43" spans="1:8" ht="20.100000000000001" customHeight="1" x14ac:dyDescent="0.15">
      <c r="A43" s="65"/>
      <c r="B43" s="65" t="s">
        <v>27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8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9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30</v>
      </c>
      <c r="E46" s="65"/>
      <c r="F46" s="65"/>
      <c r="G46" s="65"/>
      <c r="H46" s="66" t="s">
        <v>31</v>
      </c>
    </row>
    <row r="47" spans="1:8" ht="20.100000000000001" customHeight="1" x14ac:dyDescent="0.15">
      <c r="A47" s="65"/>
      <c r="B47" s="65"/>
      <c r="C47" s="65"/>
      <c r="D47" s="66" t="s">
        <v>32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33</v>
      </c>
      <c r="E49" s="65"/>
      <c r="F49" s="68"/>
      <c r="G49" s="65"/>
      <c r="H49" s="66" t="s">
        <v>31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4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5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3" stopIfTrue="1">
      <formula>ISERROR(B9)</formula>
    </cfRule>
  </conditionalFormatting>
  <conditionalFormatting sqref="B9:G38">
    <cfRule type="expression" dxfId="1" priority="1" stopIfTrue="1">
      <formula>ISERROR(B9)</formula>
    </cfRule>
  </conditionalFormatting>
  <conditionalFormatting sqref="H9:H39">
    <cfRule type="expression" dxfId="0" priority="2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8</vt:lpstr>
      <vt:lpstr>'238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 篤史</dc:creator>
  <cp:lastModifiedBy>岩田 篤史</cp:lastModifiedBy>
  <dcterms:created xsi:type="dcterms:W3CDTF">2026-02-10T10:13:40Z</dcterms:created>
  <dcterms:modified xsi:type="dcterms:W3CDTF">2026-02-10T10:14:09Z</dcterms:modified>
</cp:coreProperties>
</file>